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690"/>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2-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2-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zundert/"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F9C389DC-1DFB-5E36-00BB-32CB2037EFA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64995" y="4844194"/>
            <a:ext cx="2168960" cy="1782885"/>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FE186C18-C159-7F2E-81C4-FF0F0096A317}"/>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26334" y="4072053"/>
            <a:ext cx="1602292" cy="1317084"/>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1</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2</cp:revision>
  <dcterms:created xsi:type="dcterms:W3CDTF">2019-07-30T10:24:44Z</dcterms:created>
  <dcterms:modified xsi:type="dcterms:W3CDTF">2024-02-01T08:06:16Z</dcterms:modified>
</cp:coreProperties>
</file>